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67" r:id="rId5"/>
    <p:sldMasterId id="2147483706" r:id="rId6"/>
  </p:sldMasterIdLst>
  <p:notesMasterIdLst>
    <p:notesMasterId r:id="rId10"/>
  </p:notesMasterIdLst>
  <p:handoutMasterIdLst>
    <p:handoutMasterId r:id="rId11"/>
  </p:handoutMasterIdLst>
  <p:sldIdLst>
    <p:sldId id="273" r:id="rId7"/>
    <p:sldId id="274" r:id="rId8"/>
    <p:sldId id="275" r:id="rId9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08" autoAdjust="0"/>
  </p:normalViewPr>
  <p:slideViewPr>
    <p:cSldViewPr snapToGrid="0">
      <p:cViewPr varScale="1">
        <p:scale>
          <a:sx n="114" d="100"/>
          <a:sy n="114" d="100"/>
        </p:scale>
        <p:origin x="300" y="10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0" d="100"/>
          <a:sy n="80" d="100"/>
        </p:scale>
        <p:origin x="186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1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Harald Taxt Walnum" userId="f3eeb113-133e-4fc9-a796-0ba33331dd44" providerId="ADAL" clId="{37D1AA61-70EA-4A74-BDCE-31377267EB9A}"/>
    <pc:docChg chg="custSel modSld">
      <pc:chgData name="Harald Taxt Walnum" userId="f3eeb113-133e-4fc9-a796-0ba33331dd44" providerId="ADAL" clId="{37D1AA61-70EA-4A74-BDCE-31377267EB9A}" dt="2023-02-27T10:06:27.603" v="0" actId="478"/>
      <pc:docMkLst>
        <pc:docMk/>
      </pc:docMkLst>
      <pc:sldChg chg="delSp mod">
        <pc:chgData name="Harald Taxt Walnum" userId="f3eeb113-133e-4fc9-a796-0ba33331dd44" providerId="ADAL" clId="{37D1AA61-70EA-4A74-BDCE-31377267EB9A}" dt="2023-02-27T10:06:27.603" v="0" actId="478"/>
        <pc:sldMkLst>
          <pc:docMk/>
          <pc:sldMk cId="3254351504" sldId="273"/>
        </pc:sldMkLst>
        <pc:spChg chg="del">
          <ac:chgData name="Harald Taxt Walnum" userId="f3eeb113-133e-4fc9-a796-0ba33331dd44" providerId="ADAL" clId="{37D1AA61-70EA-4A74-BDCE-31377267EB9A}" dt="2023-02-27T10:06:27.603" v="0" actId="478"/>
          <ac:spMkLst>
            <pc:docMk/>
            <pc:sldMk cId="3254351504" sldId="273"/>
            <ac:spMk id="7" creationId="{C9EB49E6-F218-B959-CE40-297A4FAE8456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27.02.2023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27.02.2023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C3F93DF-77C2-8B2B-7AD7-C78ABD1C9D8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8317AFB-528B-2CD7-8E6E-72ECD993550E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AFB6C125-1207-446C-80A1-D84D8C1BCF7B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A01896-05FF-374D-610F-101C877B6E9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00F2EC0D-E6E1-D8C6-1E76-12C716917217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6A8B95-4578-BD68-AB8F-98DB49CFD74D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D22E8C3-67D7-43A8-A128-3B25961B0229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A250F37-0F6D-5D09-09AA-307FD40B12A3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51CA9CF-018B-A7F6-7331-0403F152154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A65D5F-01ED-B738-E3E8-2A7330B0066B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4049DC05-7E59-4595-BF67-AB3451C86DC3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80EF2A-D9F4-E566-1F87-8E52112E967E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19313-A68D-CD90-B62A-8563CDACFEBE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67BC008-F171-60A6-F767-2CCA9725DF46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09CC3635-76BB-4BF5-8B87-BA929BCB2BDA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F6CA7D-DA76-6A0A-D5D0-34FB1277FC5E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1844CB-D118-2AD0-DAD1-73F935DB6F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607F2A-B944-98FB-CAC2-D9A4F5592B73}"/>
              </a:ext>
            </a:extLst>
          </p:cNvPr>
          <p:cNvSpPr>
            <a:spLocks noGrp="1"/>
          </p:cNvSpPr>
          <p:nvPr>
            <p:ph type="dt" sz="half" idx="48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D366097B-E925-4A5C-ABA4-278FDF0D47D6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5B4DCF7-B49F-CAE3-E9F1-DE389943194E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31F5D8E-BBBA-56B8-F20E-673489E6078A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0526124-2E9C-0929-D044-6FA8C701BC39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2EA664B0-5397-4FBA-9E16-EE8216CE579E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43C33F-737E-1FB3-B2D7-BB579F98102E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80A6D46-4D35-5FEE-FB68-B209AEBA1458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680573-56D6-D035-D738-B8B7047CA170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1B0DCBD9-278E-44F2-ACA0-8A64797675AB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3EF8E0-453F-7ACC-3F13-04FB3D738C1A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1B2B2E-987E-5E6A-505F-4E820529CDC0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93EF1A-3D27-7F40-A097-1BF0DB5E14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FDFFCC2-3D84-4593-AB13-4C14003EF3FB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8342E54-CF39-2C2F-3FF2-CBE78ED05F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7F40761-3355-6DEB-69D6-B0E1A581CF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FE08D11-304F-1184-2C25-7FD7C9AA199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4F7272C-3E8B-A404-40E9-523547827B2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C80863-452E-DDE6-E33A-5291D515F20B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0DDAD6-7EED-2A79-0861-380A9D499F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384D90-5C07-187A-A1B0-2BE2AA4E3B1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BBDFA00-7788-447A-B334-FA68055BE64D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97CFCE9-BBA5-0866-3CA6-D7F8D646353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16CA7195-AAB8-4928-9839-C501A92C2105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7BBB58-110D-CC18-BEEE-93632D37B7D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1AA37A-999E-4B4B-2724-8437570614C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04B3A031-5F5C-46BB-A4F4-AB617A4BF06C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4425A62-A728-75FE-931A-03CC2664005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6C1D3CE-7FE4-8303-C7D1-E78F3DB6736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B8FCF5-3E95-1E3F-285C-C5DAF7CA64A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4522C5FB-E743-4798-AFDB-A3A1E18AE36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52C034-A4ED-559F-F96D-A58145243BF3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C39BAE2E-9E4C-7793-750D-A6DE6203DC9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3F1B26-92FF-A9B2-0541-1DEC971DB688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A2CBE8FD-58D9-49E4-9D23-3CEC244C231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EFE7DC1-8478-58B2-2E38-EE7D42E662B5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559A295-0954-EEFE-FD6A-BBA04AA836B4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1" name="Footer Placeholder 7">
            <a:extLst>
              <a:ext uri="{FF2B5EF4-FFF2-40B4-BE49-F238E27FC236}">
                <a16:creationId xmlns:a16="http://schemas.microsoft.com/office/drawing/2014/main" id="{8A8CCE27-0A01-78FC-03C9-52789761530C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56D8A41F-02FF-3563-B403-D55BAB885E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27C87B-5930-D9C7-21C7-2F59B7E05AE4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fld id="{FDF9C192-C387-42FD-8BD9-9A9944608BE1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81DBD8-2D30-328C-7D43-259AE529787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78DC7CE-05BD-5583-D019-652274D7253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A3A639-6ED5-7B72-66AE-00BF199DFF6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66FB4BA3-4BC6-405A-AB93-949378B28C45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A22D10-4D31-01D9-103E-2D712C007ED3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64A305-1F05-F5FA-DD2A-6B6B8651E441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CEFCA9-5C77-6FC7-C1D3-BDFAE7418E23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fld id="{76CBCE35-2925-4C47-99DC-E3B836D059DB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38524EF-0C84-3C0E-79E7-854BF696A26F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FB7A33-319F-AA73-8D22-3EFD3252F619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F23B37-F05C-9266-FD9E-B10B59EA4B09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264AC669-C3FB-4E1E-9C2E-01525FA56175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3128C07-C056-E07A-BE84-746A8766051B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0DEC5-D1CD-5399-CDFF-E80E2575060F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69EA12-CBDD-220C-3C2A-C519FE62790A}"/>
              </a:ext>
            </a:extLst>
          </p:cNvPr>
          <p:cNvSpPr>
            <a:spLocks noGrp="1"/>
          </p:cNvSpPr>
          <p:nvPr>
            <p:ph type="dt" sz="half" idx="47"/>
          </p:nvPr>
        </p:nvSpPr>
        <p:spPr/>
        <p:txBody>
          <a:bodyPr/>
          <a:lstStyle/>
          <a:p>
            <a:fld id="{B5FDC0EC-9B98-43BC-971F-06DBC0C7B4DE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CA962E-ABAE-5929-2A92-D8576AF6DE99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735A2-746B-BB91-E28B-94EAE44743E6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AF82568E-9680-BD27-1A10-0B3E8C200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6B4663-1C26-4ACF-A1AF-ABF7385B4C07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943E699-9A98-54B8-82E7-94B0589AEB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8ADE25-D952-C453-F0A9-C5D4D8C66D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61C583-FD5B-DD91-8170-84AAEB56302C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4711699" y="6354535"/>
            <a:ext cx="2743200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D1DC40E-A648-40F1-A353-A597090201CB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35C8ABA7-40DD-3BD3-C33E-D98FD7DDB91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4591EBB-63A1-7AF6-AD12-3480E1D79DE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ADA4F026-9A27-4269-A22C-CAECB345659A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BBF87F7-F367-706C-1EF1-31510A1B9DB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EDB0B6-0952-8308-67B4-5FF61ED0CAE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492B35E-8725-4B85-ACE0-0B3BF8B53C30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B85DCE-7594-27BF-71E8-647ED796DDA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E04267-51A5-4300-B1A3-345A67D0D39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D54E3CD1-6414-4BF0-AE22-C375EEABA93A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AFADEB-E1F3-D483-7A5E-FA1241E5677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9E3687-A4D4-8578-9891-A3DA560145A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D5D608-F19B-41E5-A400-B804F2461729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144B83-CD2B-7ACA-A1C5-2DE1A225751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67B78-1844-893D-615B-CD579150B031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A8ED38C-CA55-43B9-9D78-85D8C99AB1A6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EF9CCC-8657-41EA-4A62-855BF6A131D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05D46A-57DD-EA59-5469-A6B29CB5CE43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78BB82D-495D-4125-A6BB-DFA3C1D92BAB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148AE9-5E31-1926-0092-90FDBC7839D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831693-056A-E20B-097E-D984CADBB4F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52785E9-A8FE-4508-A666-AEBF4A007D5F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2BEFA-1F51-4FEF-B780-1D3D379401A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26151A-6B8F-6371-6B17-699D46AD2538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B97C47F6-C099-4380-9B24-E0FAA90A6E18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A15301-DC43-AC33-45A9-266C5AE6572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3B9C5-BF62-191C-E2E2-81AD277F242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6E03BC1-3013-4E61-AC35-809728F41546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02950E-C60F-73CE-637F-C039AB3AA3A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7207310-D9A2-20F9-D03E-AB79FFAF63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73241680-A1A9-2F83-7BD1-6296B6E242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6E92FFB3-C53C-54C9-EE84-995C8273CE8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9BECD6-50EC-4711-B3AE-A33870D31CF8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DA9438E0-40CA-31FB-98A4-256B75C70BA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4FFAD5BB-20BF-7CCA-B07B-F051521F684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4A894F9D-362B-75C6-D748-87BF776712E9}"/>
              </a:ext>
            </a:extLst>
          </p:cNvPr>
          <p:cNvSpPr>
            <a:spLocks noGrp="1"/>
          </p:cNvSpPr>
          <p:nvPr>
            <p:ph type="dt" sz="half" idx="21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431B6F4-3ECB-4139-B9E2-7C612601C39F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2DAD4FD-D9C4-10C8-F38F-E78379D8D9B5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AF55F553-7642-0947-2C76-FB38484F2E75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E96FC8D7-2851-46A5-E0B9-823151359D6B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0754A6D-4980-46C9-969C-7F447FFD292E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C0B5D320-6B15-DF07-9150-C00F0D8641B8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851E2F86-1169-75B2-8382-DAAF775EDCBF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image" Target="../media/image8.svg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image" Target="../media/image7.png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7BA7305-638B-3249-16EB-C932905557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217791FF-8345-9E43-AA1B-1E129F7B9B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fld id="{6B9BECD6-50EC-4711-B3AE-A33870D31CF8}" type="datetime1">
              <a:rPr lang="en-GB" smtClean="0"/>
              <a:t>27/02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087F5-780A-2366-343B-D7A1B7EC2D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66386087-7D14-4F7C-8027-BA853A3806D7}" type="datetime1">
              <a:rPr lang="en-GB" smtClean="0"/>
              <a:t>27/02/2023</a:t>
            </a:fld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D9D493-117B-7A58-6E5A-2515C87497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8BBD0072-14BB-4BD4-ABEF-A76685C831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699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5F37A0DF-35C9-4B0F-B10E-72D54C7E2955}" type="datetime1">
              <a:rPr lang="en-GB" smtClean="0"/>
              <a:t>27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bg1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omsensorer</a:t>
            </a:r>
            <a:r>
              <a:rPr lang="en-GB" dirty="0"/>
              <a:t> 1 </a:t>
            </a:r>
            <a:r>
              <a:rPr lang="en-GB" dirty="0" err="1"/>
              <a:t>etg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092375-0F9E-0E64-79FD-C38EC60D45F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17EFE7A-30A5-4EA5-96EF-A5ADE7989E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0453" y="1623224"/>
            <a:ext cx="9867900" cy="5181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43515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AB5B68-BB6E-4498-B346-C8B84CF34C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omsensorer</a:t>
            </a:r>
            <a:r>
              <a:rPr lang="en-GB" dirty="0"/>
              <a:t> 2 </a:t>
            </a:r>
            <a:r>
              <a:rPr lang="en-GB" dirty="0" err="1"/>
              <a:t>etg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FE0986-56F8-4380-B2CC-CC304BAC609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5891463-76F0-4CF9-B4EE-69B6ACA4229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678C754-771A-4D0A-9836-42516AF137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81137" y="1732761"/>
            <a:ext cx="9229725" cy="4962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48351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209CAD-6E46-4CFB-9F63-8BB94AB295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armeanlegg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DA59A35-3463-4604-A9AA-3042823500E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65C9AA6-4DA4-4E82-AA43-E38A92581703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F36E84A-A504-4F58-BCA1-C16E822ED9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0821" y="1568552"/>
            <a:ext cx="8370358" cy="5289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8991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1AB2C0BF-F90E-43EB-9E07-271BE9FCEA77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594AE09F-E2D4-4D42-8D20-BB042A24A1DE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Default standard PowerPoint template SINTEF.pptx" id="{BF6B8995-E888-4B78-AA09-81A92375AEDF}" vid="{B602AE9A-04C5-4719-A0EF-DECDD8C61E91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a1b24526-cd56-4529-ab1b-dfc48e6fb6ce">
      <Terms xmlns="http://schemas.microsoft.com/office/infopath/2007/PartnerControls"/>
    </lcf76f155ced4ddcb4097134ff3c332f>
    <TaxCatchAll xmlns="e99dbc40-bd51-4364-b925-e1d716e1f77f" xsi:nil="true"/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WorkflowStatus xmlns="8bbd4995-53b7-43e2-b62f-10947586ac31" xsi:nil="true"/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5E7DE97A6BF14C46A128D91A2914464B" ma:contentTypeVersion="51" ma:contentTypeDescription="Create a new document." ma:contentTypeScope="" ma:versionID="ae20481019b37eb4bdb4e2d30b22a195">
  <xsd:schema xmlns:xsd="http://www.w3.org/2001/XMLSchema" xmlns:xs="http://www.w3.org/2001/XMLSchema" xmlns:p="http://schemas.microsoft.com/office/2006/metadata/properties" xmlns:ns2="8bbd4995-53b7-43e2-b62f-10947586ac31" xmlns:ns3="a1b24526-cd56-4529-ab1b-dfc48e6fb6ce" xmlns:ns4="e99dbc40-bd51-4364-b925-e1d716e1f77f" targetNamespace="http://schemas.microsoft.com/office/2006/metadata/properties" ma:root="true" ma:fieldsID="04f38ca891ab9deb6083865997a1cf34" ns2:_="" ns3:_="" ns4:_="">
    <xsd:import namespace="8bbd4995-53b7-43e2-b62f-10947586ac31"/>
    <xsd:import namespace="a1b24526-cd56-4529-ab1b-dfc48e6fb6ce"/>
    <xsd:import namespace="e99dbc40-bd51-4364-b925-e1d716e1f77f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3:MediaServiceAutoKeyPoints" minOccurs="0"/>
                <xsd:element ref="ns3:MediaServiceKeyPoints" minOccurs="0"/>
                <xsd:element ref="ns2:CorpWorkflowStatus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Location" minOccurs="0"/>
                <xsd:element ref="ns3:MediaLengthInSeconds" minOccurs="0"/>
                <xsd:element ref="ns3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chive 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Approval Status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Reviewal Status" ma:internalName="CorpWorkflowFeedback">
      <xsd:simpleType>
        <xsd:restriction base="dms:Text">
          <xsd:maxLength value="255"/>
        </xsd:restriction>
      </xsd:simpleType>
    </xsd:element>
    <xsd:element name="CorpSiteProjectNumber" ma:index="11" nillable="true" ma:displayName="Project Numb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2" nillable="true" ma:displayName="Project Name" ma:internalName="CorpSiteProjectName">
      <xsd:simpleType>
        <xsd:restriction base="dms:Text">
          <xsd:maxLength value="255"/>
        </xsd:restriction>
      </xsd:simpleType>
    </xsd:element>
    <xsd:element name="CorpSiteSubTitle" ma:index="13" nillable="true" ma:displayName="Sub Title" ma:internalName="CorpSiteSubTitle">
      <xsd:simpleType>
        <xsd:restriction base="dms:Text">
          <xsd:maxLength value="255"/>
        </xsd:restriction>
      </xsd:simpleType>
    </xsd:element>
    <xsd:element name="CorpSiteAccess" ma:index="14" nillable="true" ma:displayName="Access level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5" nillable="true" ma:displayName="Classification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6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7" nillable="true" ma:displayName="QA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8" nillable="true" ma:displayName="Project Own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19" nillable="true" ma:displayName="Project Lea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0" nillable="true" ma:displayName="Report Number" ma:internalName="CorpSiteReportNumber">
      <xsd:simpleType>
        <xsd:restriction base="dms:Text">
          <xsd:maxLength value="255"/>
        </xsd:restriction>
      </xsd:simpleType>
    </xsd:element>
    <xsd:element name="CorpSiteISBN" ma:index="21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2" nillable="true" ma:displayName="Co Authors" ma:internalName="CorpSiteCoAuthors">
      <xsd:simpleType>
        <xsd:restriction base="dms:Text">
          <xsd:maxLength value="255"/>
        </xsd:restriction>
      </xsd:simpleType>
    </xsd:element>
    <xsd:element name="CorpSiteRecipientCompany" ma:index="23" nillable="true" ma:displayName="Recipient Company" ma:internalName="CorpSiteRecipientCompany">
      <xsd:simpleType>
        <xsd:restriction base="dms:Text">
          <xsd:maxLength value="255"/>
        </xsd:restriction>
      </xsd:simpleType>
    </xsd:element>
    <xsd:element name="CorpSiteRecipientPerson" ma:index="24" nillable="true" ma:displayName="Recipient Person" ma:internalName="CorpSiteRecipientPerson">
      <xsd:simpleType>
        <xsd:restriction base="dms:Text">
          <xsd:maxLength value="255"/>
        </xsd:restriction>
      </xsd:simpleType>
    </xsd:element>
    <xsd:element name="CorpSiteOurRef" ma:index="25" nillable="true" ma:displayName="Our Ref" ma:internalName="CorpSiteOurRef">
      <xsd:simpleType>
        <xsd:restriction base="dms:Text">
          <xsd:maxLength value="255"/>
        </xsd:restriction>
      </xsd:simpleType>
    </xsd:element>
    <xsd:element name="CorpSiteDocumentAuthor" ma:index="26" nillable="true" ma:displayName="Document Autho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7" nillable="true" ma:displayName="Address" ma:internalName="CorpSiteZipAddress">
      <xsd:simpleType>
        <xsd:restriction base="dms:Note">
          <xsd:maxLength value="255"/>
        </xsd:restriction>
      </xsd:simpleType>
    </xsd:element>
    <xsd:element name="CorpSiteZipContact" ma:index="28" nillable="true" ma:displayName="Contact" ma:internalName="CorpSiteZipContact">
      <xsd:simpleType>
        <xsd:restriction base="dms:Note">
          <xsd:maxLength value="255"/>
        </xsd:restriction>
      </xsd:simpleType>
    </xsd:element>
    <xsd:element name="CorpSiteVATNumber" ma:index="29" nillable="true" ma:displayName="VAT Number" ma:internalName="CorpSiteVATNumber">
      <xsd:simpleType>
        <xsd:restriction base="dms:Text">
          <xsd:maxLength value="255"/>
        </xsd:restriction>
      </xsd:simpleType>
    </xsd:element>
    <xsd:element name="CorpSiteInstituteEmail" ma:index="30" nillable="true" ma:displayName="Email Institute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1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2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3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4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5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6" nillable="true" ma:displayName="Phone Instutute" ma:internalName="CorpSiteInstitutePhone">
      <xsd:simpleType>
        <xsd:restriction base="dms:Text">
          <xsd:maxLength value="255"/>
        </xsd:restriction>
      </xsd:simpleType>
    </xsd:element>
    <xsd:element name="CorpSiteDocLanguage" ma:index="37" nillable="true" ma:displayName="Language" ma:internalName="CorpSiteDocLanguage">
      <xsd:simpleType>
        <xsd:restriction base="dms:Text">
          <xsd:maxLength value="255"/>
        </xsd:restriction>
      </xsd:simpleType>
    </xsd:element>
    <xsd:element name="CorpDocInstitute" ma:index="38" nillable="true" ma:displayName="Institute" ma:internalName="CorpDocInstitute">
      <xsd:simpleType>
        <xsd:restriction base="dms:Text">
          <xsd:maxLength value="255"/>
        </xsd:restriction>
      </xsd:simpleType>
    </xsd:element>
    <xsd:element name="CorpDocVersion" ma:index="39" nillable="true" ma:displayName="Version" ma:internalName="CorpDocVersion">
      <xsd:simpleType>
        <xsd:restriction base="dms:Text">
          <xsd:maxLength value="255"/>
        </xsd:restriction>
      </xsd:simpleType>
    </xsd:element>
    <xsd:element name="CorpWorkflowStatus" ma:index="46" nillable="true" ma:displayName="Workflow Status" ma:internalName="CorpWorkflowStatus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1b24526-cd56-4529-ab1b-dfc48e6fb6c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4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4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47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48" nillable="true" ma:displayName="Tags" ma:internalName="MediaServiceAutoTags" ma:readOnly="true">
      <xsd:simpleType>
        <xsd:restriction base="dms:Text"/>
      </xsd:simpleType>
    </xsd:element>
    <xsd:element name="MediaServiceGenerationTime" ma:index="4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5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52" nillable="true" ma:displayName="Location" ma:internalName="MediaServiceLocation" ma:readOnly="true">
      <xsd:simpleType>
        <xsd:restriction base="dms:Text"/>
      </xsd:simpleType>
    </xsd:element>
    <xsd:element name="MediaLengthInSeconds" ma:index="53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55" nillable="true" ma:taxonomy="true" ma:internalName="lcf76f155ced4ddcb4097134ff3c332f" ma:taxonomyFieldName="MediaServiceImageTags" ma:displayName="Image Tags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99dbc40-bd51-4364-b925-e1d716e1f77f" elementFormDefault="qualified">
    <xsd:import namespace="http://schemas.microsoft.com/office/2006/documentManagement/types"/>
    <xsd:import namespace="http://schemas.microsoft.com/office/infopath/2007/PartnerControls"/>
    <xsd:element name="SharedWithUsers" ma:index="4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56" nillable="true" ma:displayName="Taxonomy Catch All Column" ma:hidden="true" ma:list="{1b029c12-e66d-4b98-bdcb-3eccee5711c5}" ma:internalName="TaxCatchAll" ma:showField="CatchAllData" ma:web="e99dbc40-bd51-4364-b925-e1d716e1f77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645A9D7-53BF-4F8A-B6A3-75E888763AAB}">
  <ds:schemaRefs>
    <ds:schemaRef ds:uri="http://purl.org/dc/terms/"/>
    <ds:schemaRef ds:uri="3b00a67f-9791-437e-b702-303a706ea042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http://schemas.microsoft.com/office/2006/documentManagement/types"/>
    <ds:schemaRef ds:uri="http://purl.org/dc/dcmitype/"/>
    <ds:schemaRef ds:uri="7dc3d6ed-56f1-49b6-b310-0ff680cfe62a"/>
    <ds:schemaRef ds:uri="a1b24526-cd56-4529-ab1b-dfc48e6fb6ce"/>
    <ds:schemaRef ds:uri="e99dbc40-bd51-4364-b925-e1d716e1f77f"/>
    <ds:schemaRef ds:uri="8bbd4995-53b7-43e2-b62f-10947586ac31"/>
  </ds:schemaRefs>
</ds:datastoreItem>
</file>

<file path=customXml/itemProps3.xml><?xml version="1.0" encoding="utf-8"?>
<ds:datastoreItem xmlns:ds="http://schemas.openxmlformats.org/officeDocument/2006/customXml" ds:itemID="{78FB8AE3-DF46-45A7-B0F7-C80DCC7388C7}"/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49</TotalTime>
  <Words>22</Words>
  <Application>Microsoft Office PowerPoint</Application>
  <PresentationFormat>Widescreen</PresentationFormat>
  <Paragraphs>6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rial</vt:lpstr>
      <vt:lpstr>Calibri</vt:lpstr>
      <vt:lpstr>Calibri Light</vt:lpstr>
      <vt:lpstr>Courier New</vt:lpstr>
      <vt:lpstr>Wingdings</vt:lpstr>
      <vt:lpstr>Uten bunnlinje</vt:lpstr>
      <vt:lpstr>Uten bunnline (Blå)</vt:lpstr>
      <vt:lpstr>Kapitteldeler</vt:lpstr>
      <vt:lpstr>Romsensorer 1 etg</vt:lpstr>
      <vt:lpstr>Romsensorer 2 etg</vt:lpstr>
      <vt:lpstr>Varmeanlegg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omsensorer 1 etg</dc:title>
  <dc:creator>Harald Taxt Walnum</dc:creator>
  <cp:lastModifiedBy>Harald Taxt Walnum</cp:lastModifiedBy>
  <cp:revision>1</cp:revision>
  <dcterms:created xsi:type="dcterms:W3CDTF">2022-12-20T12:18:40Z</dcterms:created>
  <dcterms:modified xsi:type="dcterms:W3CDTF">2023-02-27T10:06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8005E7DE97A6BF14C46A128D91A2914464B</vt:lpwstr>
  </property>
  <property fmtid="{D5CDD505-2E9C-101B-9397-08002B2CF9AE}" pid="3" name="TemplafyTimeStamp">
    <vt:lpwstr>2022-06-09T17:38:20.9402570Z</vt:lpwstr>
  </property>
  <property fmtid="{D5CDD505-2E9C-101B-9397-08002B2CF9AE}" pid="4" name="MediaServiceImageTags">
    <vt:lpwstr/>
  </property>
  <property fmtid="{D5CDD505-2E9C-101B-9397-08002B2CF9AE}" pid="5" name="CustomerId">
    <vt:lpwstr>sintef</vt:lpwstr>
  </property>
  <property fmtid="{D5CDD505-2E9C-101B-9397-08002B2CF9AE}" pid="6" name="TemplateId">
    <vt:lpwstr>637469247407135749</vt:lpwstr>
  </property>
  <property fmtid="{D5CDD505-2E9C-101B-9397-08002B2CF9AE}" pid="7" name="UserProfileId">
    <vt:lpwstr>637484577795183768</vt:lpwstr>
  </property>
</Properties>
</file>